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vol1210-1228\新様式\"/>
    </mc:Choice>
  </mc:AlternateContent>
  <xr:revisionPtr revIDLastSave="0" documentId="8_{8F85446A-0BF8-4315-9681-EC8BE93ECE25}" xr6:coauthVersionLast="47" xr6:coauthVersionMax="47" xr10:uidLastSave="{00000000-0000-0000-0000-000000000000}"/>
  <bookViews>
    <workbookView xWindow="3795" yWindow="1785" windowWidth="15375" windowHeight="7875" xr2:uid="{34F547B3-2DDC-41B2-9990-E48B865F412E}"/>
  </bookViews>
  <sheets>
    <sheet name="別紙14－2" sheetId="2" r:id="rId1"/>
    <sheet name="Sheet1" sheetId="1" r:id="rId2"/>
  </sheets>
  <externalReferences>
    <externalReference r:id="rId3"/>
  </externalReferences>
  <definedNames>
    <definedName name="ｋ">#N/A</definedName>
    <definedName name="_xlnm.Print_Area" localSheetId="0">'別紙14－2'!$A$1:$AD$60</definedName>
    <definedName name="サービス種別">#REF!</definedName>
    <definedName name="サービス種類">#REF!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0" uniqueCount="52">
  <si>
    <t>（別紙１4－2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ニチ</t>
    </rPh>
    <phoneticPr fontId="4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4"/>
  </si>
  <si>
    <t>（（介護予防）訪問看護、（介護予防）訪問リハビリテーション、療養通所介護）</t>
    <rPh sb="2" eb="4">
      <t>カイゴ</t>
    </rPh>
    <rPh sb="4" eb="6">
      <t>ヨボウ</t>
    </rPh>
    <rPh sb="7" eb="9">
      <t>ホウモン</t>
    </rPh>
    <rPh sb="9" eb="11">
      <t>カンゴ</t>
    </rPh>
    <rPh sb="13" eb="15">
      <t>カイゴ</t>
    </rPh>
    <rPh sb="15" eb="17">
      <t>ヨボウ</t>
    </rPh>
    <rPh sb="18" eb="20">
      <t>ホウモン</t>
    </rPh>
    <rPh sb="30" eb="32">
      <t>リョウヨウ</t>
    </rPh>
    <rPh sb="32" eb="34">
      <t>ツウショ</t>
    </rPh>
    <rPh sb="34" eb="36">
      <t>カイゴ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4"/>
  </si>
  <si>
    <t>1　（介護予防）訪問看護</t>
    <rPh sb="3" eb="5">
      <t>カイゴ</t>
    </rPh>
    <rPh sb="5" eb="7">
      <t>ヨボウ</t>
    </rPh>
    <rPh sb="8" eb="10">
      <t>ホウモン</t>
    </rPh>
    <rPh sb="10" eb="12">
      <t>カンゴ</t>
    </rPh>
    <phoneticPr fontId="4"/>
  </si>
  <si>
    <t>2　（介護予防）訪問リハビリテーション</t>
    <rPh sb="3" eb="5">
      <t>カイゴ</t>
    </rPh>
    <rPh sb="5" eb="7">
      <t>ヨボウ</t>
    </rPh>
    <rPh sb="8" eb="10">
      <t>ホウモン</t>
    </rPh>
    <phoneticPr fontId="4"/>
  </si>
  <si>
    <t>3　療養通所介護</t>
    <rPh sb="2" eb="4">
      <t>リョウヨウ</t>
    </rPh>
    <rPh sb="4" eb="6">
      <t>ツウショ</t>
    </rPh>
    <rPh sb="6" eb="8">
      <t>カイゴ</t>
    </rPh>
    <phoneticPr fontId="4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4"/>
  </si>
  <si>
    <t>（訪問看護、訪問リハビリテーション）</t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（療養通所介護）</t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4 サービス提供体制強化加算（Ⅲ）ロ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r>
      <t xml:space="preserve">5　研修等に
     関する状況
     </t>
    </r>
    <r>
      <rPr>
        <sz val="8"/>
        <rFont val="HGSｺﾞｼｯｸM"/>
        <family val="3"/>
        <charset val="128"/>
      </rPr>
      <t>(訪問看護のみ）</t>
    </r>
    <rPh sb="2" eb="5">
      <t>ケンシュウトウ</t>
    </rPh>
    <rPh sb="12" eb="13">
      <t>カン</t>
    </rPh>
    <rPh sb="15" eb="17">
      <t>ジョウキョウ</t>
    </rPh>
    <rPh sb="24" eb="26">
      <t>ホウモン</t>
    </rPh>
    <rPh sb="26" eb="28">
      <t>カンゴ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　研修計画を作成し、当該計画に従い、研修（外部における研修を
　含む）を実施又は実施を予定していること。</t>
    <phoneticPr fontId="4"/>
  </si>
  <si>
    <t>②　利用者に関する情報若しくはサービス提供にあたっての留意事項
　の伝達又は技術指導を目的とした会議を定期的に開催すること。</t>
    <rPh sb="2" eb="5">
      <t>リヨウシャ</t>
    </rPh>
    <rPh sb="6" eb="7">
      <t>カン</t>
    </rPh>
    <rPh sb="9" eb="11">
      <t>ジョウホウ</t>
    </rPh>
    <rPh sb="11" eb="12">
      <t>モ</t>
    </rPh>
    <rPh sb="19" eb="21">
      <t>テイキョウ</t>
    </rPh>
    <rPh sb="27" eb="29">
      <t>リュウイ</t>
    </rPh>
    <rPh sb="29" eb="31">
      <t>ジコウ</t>
    </rPh>
    <rPh sb="34" eb="36">
      <t>デンタツ</t>
    </rPh>
    <rPh sb="36" eb="37">
      <t>マタ</t>
    </rPh>
    <rPh sb="38" eb="40">
      <t>ギジュツ</t>
    </rPh>
    <rPh sb="40" eb="42">
      <t>シドウ</t>
    </rPh>
    <rPh sb="43" eb="45">
      <t>モクテキ</t>
    </rPh>
    <rPh sb="48" eb="50">
      <t>カイギ</t>
    </rPh>
    <rPh sb="51" eb="54">
      <t>テイキテキ</t>
    </rPh>
    <rPh sb="55" eb="57">
      <t>カイサイ</t>
    </rPh>
    <phoneticPr fontId="4"/>
  </si>
  <si>
    <t>③　健康診断等を定期的に実施すること。</t>
    <rPh sb="2" eb="4">
      <t>ケンコウ</t>
    </rPh>
    <rPh sb="4" eb="6">
      <t>シンダン</t>
    </rPh>
    <rPh sb="6" eb="7">
      <t>トウ</t>
    </rPh>
    <rPh sb="8" eb="11">
      <t>テイキテキ</t>
    </rPh>
    <rPh sb="12" eb="14">
      <t>ジッシ</t>
    </rPh>
    <phoneticPr fontId="4"/>
  </si>
  <si>
    <t>6　勤続年数の状況</t>
    <rPh sb="2" eb="4">
      <t>キンゾク</t>
    </rPh>
    <rPh sb="4" eb="6">
      <t>ネンスウ</t>
    </rPh>
    <rPh sb="7" eb="9">
      <t>ジョウキョウ</t>
    </rPh>
    <phoneticPr fontId="4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勤続年数の状況</t>
    <rPh sb="0" eb="2">
      <t>キンゾク</t>
    </rPh>
    <rPh sb="2" eb="4">
      <t>ネンスウ</t>
    </rPh>
    <rPh sb="5" eb="7">
      <t>ジョウキョウ</t>
    </rPh>
    <phoneticPr fontId="4"/>
  </si>
  <si>
    <t>訪問看護</t>
    <rPh sb="0" eb="2">
      <t>ホウモン</t>
    </rPh>
    <rPh sb="2" eb="4">
      <t>カンゴ</t>
    </rPh>
    <phoneticPr fontId="4"/>
  </si>
  <si>
    <t>①に占める②の割合が30％以上</t>
    <rPh sb="2" eb="3">
      <t>シ</t>
    </rPh>
    <rPh sb="7" eb="9">
      <t>ワリアイ</t>
    </rPh>
    <rPh sb="13" eb="15">
      <t>イジョウ</t>
    </rPh>
    <phoneticPr fontId="4"/>
  </si>
  <si>
    <t>①</t>
    <phoneticPr fontId="4"/>
  </si>
  <si>
    <r>
      <t>看護師等の総数（常勤換算）</t>
    </r>
    <r>
      <rPr>
        <sz val="8"/>
        <rFont val="HGSｺﾞｼｯｸM"/>
        <family val="3"/>
        <charset val="128"/>
      </rPr>
      <t/>
    </r>
    <rPh sb="0" eb="3">
      <t>カンゴシ</t>
    </rPh>
    <rPh sb="3" eb="4">
      <t>トウ</t>
    </rPh>
    <rPh sb="5" eb="7">
      <t>ソウスウ</t>
    </rPh>
    <rPh sb="8" eb="10">
      <t>ジョウキン</t>
    </rPh>
    <rPh sb="10" eb="12">
      <t>カンサン</t>
    </rPh>
    <phoneticPr fontId="4"/>
  </si>
  <si>
    <t>人</t>
    <rPh sb="0" eb="1">
      <t>ニン</t>
    </rPh>
    <phoneticPr fontId="4"/>
  </si>
  <si>
    <t>②</t>
    <phoneticPr fontId="4"/>
  </si>
  <si>
    <t>①のうち勤続年数７年以上の者の総数（常勤換算）</t>
    <rPh sb="4" eb="6">
      <t>キンゾク</t>
    </rPh>
    <rPh sb="6" eb="8">
      <t>ネンスウ</t>
    </rPh>
    <rPh sb="9" eb="12">
      <t>ネンイジョウ</t>
    </rPh>
    <rPh sb="13" eb="14">
      <t>モノ</t>
    </rPh>
    <rPh sb="15" eb="17">
      <t>ソウスウ</t>
    </rPh>
    <rPh sb="18" eb="20">
      <t>ジョウキン</t>
    </rPh>
    <rPh sb="20" eb="22">
      <t>カンサン</t>
    </rPh>
    <phoneticPr fontId="4"/>
  </si>
  <si>
    <t>訪問リハ</t>
    <rPh sb="0" eb="2">
      <t>ホウモン</t>
    </rPh>
    <phoneticPr fontId="4"/>
  </si>
  <si>
    <t>①に占める②の者が１名以上</t>
    <rPh sb="2" eb="3">
      <t>シ</t>
    </rPh>
    <rPh sb="7" eb="8">
      <t>モノ</t>
    </rPh>
    <rPh sb="10" eb="11">
      <t>メイ</t>
    </rPh>
    <rPh sb="11" eb="13">
      <t>イジョウ</t>
    </rPh>
    <phoneticPr fontId="4"/>
  </si>
  <si>
    <t>サービスを直接提供する理学療法士、作業療法士又は言語聴覚士の総数</t>
    <rPh sb="5" eb="7">
      <t>チョクセツ</t>
    </rPh>
    <rPh sb="7" eb="9">
      <t>テイキョウ</t>
    </rPh>
    <rPh sb="11" eb="13">
      <t>リガク</t>
    </rPh>
    <rPh sb="13" eb="16">
      <t>リョウホウシ</t>
    </rPh>
    <rPh sb="17" eb="19">
      <t>サギョウ</t>
    </rPh>
    <rPh sb="19" eb="22">
      <t>リョウホウシ</t>
    </rPh>
    <rPh sb="22" eb="23">
      <t>マタ</t>
    </rPh>
    <rPh sb="24" eb="26">
      <t>ゲンゴ</t>
    </rPh>
    <rPh sb="26" eb="29">
      <t>チョウカクシ</t>
    </rPh>
    <rPh sb="30" eb="32">
      <t>ソウスウ</t>
    </rPh>
    <phoneticPr fontId="4"/>
  </si>
  <si>
    <t>①のうち勤続年数７年以上の者の総数</t>
    <rPh sb="4" eb="6">
      <t>キンゾク</t>
    </rPh>
    <rPh sb="6" eb="8">
      <t>ネンスウ</t>
    </rPh>
    <rPh sb="9" eb="12">
      <t>ネンイジョウ</t>
    </rPh>
    <rPh sb="13" eb="14">
      <t>モノ</t>
    </rPh>
    <rPh sb="15" eb="17">
      <t>ソウスウ</t>
    </rPh>
    <phoneticPr fontId="4"/>
  </si>
  <si>
    <t>療養通所
介護</t>
    <rPh sb="0" eb="2">
      <t>リョウヨウ</t>
    </rPh>
    <rPh sb="2" eb="4">
      <t>ツウショ</t>
    </rPh>
    <rPh sb="5" eb="7">
      <t>カイゴ</t>
    </rPh>
    <phoneticPr fontId="4"/>
  </si>
  <si>
    <r>
      <t>サービスを直接提供する職員の総数（常勤換算）</t>
    </r>
    <r>
      <rPr>
        <sz val="8"/>
        <rFont val="HGSｺﾞｼｯｸM"/>
        <family val="3"/>
        <charset val="128"/>
      </rPr>
      <t/>
    </r>
    <rPh sb="5" eb="7">
      <t>チョクセツ</t>
    </rPh>
    <rPh sb="7" eb="9">
      <t>テイキョウ</t>
    </rPh>
    <rPh sb="11" eb="13">
      <t>ショクイン</t>
    </rPh>
    <rPh sb="14" eb="16">
      <t>ソウスウ</t>
    </rPh>
    <rPh sb="17" eb="19">
      <t>ジョウキン</t>
    </rPh>
    <rPh sb="19" eb="21">
      <t>カンサン</t>
    </rPh>
    <phoneticPr fontId="4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①のうち勤続年数３年以上の者の総数（常勤換算）</t>
    <rPh sb="4" eb="6">
      <t>キンゾク</t>
    </rPh>
    <rPh sb="6" eb="8">
      <t>ネンスウ</t>
    </rPh>
    <rPh sb="9" eb="12">
      <t>ネンイジョウ</t>
    </rPh>
    <rPh sb="13" eb="14">
      <t>モノ</t>
    </rPh>
    <rPh sb="15" eb="17">
      <t>ソウスウ</t>
    </rPh>
    <rPh sb="18" eb="20">
      <t>ジョウキン</t>
    </rPh>
    <rPh sb="20" eb="22">
      <t>カンサン</t>
    </rPh>
    <phoneticPr fontId="4"/>
  </si>
  <si>
    <t>①のうち勤続年数３年以上の者の総数</t>
    <rPh sb="4" eb="6">
      <t>キンゾク</t>
    </rPh>
    <rPh sb="6" eb="8">
      <t>ネンスウ</t>
    </rPh>
    <rPh sb="9" eb="12">
      <t>ネンイジョウ</t>
    </rPh>
    <rPh sb="13" eb="14">
      <t>モノ</t>
    </rPh>
    <rPh sb="15" eb="17">
      <t>ソウスウ</t>
    </rPh>
    <phoneticPr fontId="4"/>
  </si>
  <si>
    <t xml:space="preserve">備考
</t>
    <rPh sb="0" eb="2">
      <t>ビコウ</t>
    </rPh>
    <phoneticPr fontId="4"/>
  </si>
  <si>
    <t>要件を満たすことが分かる根拠書類を準備し、指定権者からの求めがあった場合には、速やかに提出すること。</t>
    <rPh sb="17" eb="19">
      <t>ジュンビ</t>
    </rPh>
    <rPh sb="21" eb="23">
      <t>シテイ</t>
    </rPh>
    <rPh sb="23" eb="24">
      <t>ケン</t>
    </rPh>
    <rPh sb="24" eb="25">
      <t>シャ</t>
    </rPh>
    <rPh sb="28" eb="29">
      <t>モト</t>
    </rPh>
    <rPh sb="34" eb="36">
      <t>バアイ</t>
    </rPh>
    <rPh sb="39" eb="40">
      <t>スミ</t>
    </rPh>
    <rPh sb="43" eb="45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16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5" fillId="0" borderId="3" xfId="1" applyFont="1" applyBorder="1" applyAlignment="1">
      <alignment horizontal="left" vertical="center"/>
    </xf>
    <xf numFmtId="0" fontId="5" fillId="0" borderId="4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5" fillId="0" borderId="8" xfId="1" applyFont="1" applyBorder="1" applyAlignment="1">
      <alignment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0" xfId="1" applyFont="1" applyBorder="1" applyAlignment="1">
      <alignment vertical="center"/>
    </xf>
    <xf numFmtId="0" fontId="5" fillId="0" borderId="10" xfId="1" applyFont="1" applyBorder="1" applyAlignment="1">
      <alignment vertical="center"/>
    </xf>
    <xf numFmtId="0" fontId="5" fillId="0" borderId="11" xfId="1" applyFont="1" applyBorder="1" applyAlignment="1">
      <alignment vertical="center"/>
    </xf>
    <xf numFmtId="0" fontId="5" fillId="0" borderId="5" xfId="1" applyFont="1" applyBorder="1" applyAlignment="1">
      <alignment horizontal="left" vertical="center"/>
    </xf>
    <xf numFmtId="0" fontId="5" fillId="0" borderId="6" xfId="1" applyFont="1" applyBorder="1" applyAlignment="1">
      <alignment horizontal="left" vertical="center"/>
    </xf>
    <xf numFmtId="0" fontId="5" fillId="0" borderId="7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0" xfId="1" applyFont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12" xfId="1" applyFont="1" applyBorder="1" applyAlignment="1">
      <alignment horizontal="center" vertical="center"/>
    </xf>
    <xf numFmtId="0" fontId="2" fillId="0" borderId="12" xfId="1" applyFont="1" applyBorder="1" applyAlignment="1">
      <alignment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7" fillId="0" borderId="5" xfId="1" applyFont="1" applyBorder="1" applyAlignment="1">
      <alignment wrapText="1"/>
    </xf>
    <xf numFmtId="0" fontId="7" fillId="0" borderId="6" xfId="1" applyFont="1" applyBorder="1" applyAlignment="1">
      <alignment wrapText="1"/>
    </xf>
    <xf numFmtId="0" fontId="7" fillId="0" borderId="7" xfId="1" applyFont="1" applyBorder="1" applyAlignment="1">
      <alignment wrapText="1"/>
    </xf>
    <xf numFmtId="0" fontId="2" fillId="0" borderId="5" xfId="1" applyFont="1" applyBorder="1" applyAlignment="1">
      <alignment vertical="center"/>
    </xf>
    <xf numFmtId="0" fontId="8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vertical="center"/>
    </xf>
    <xf numFmtId="0" fontId="2" fillId="0" borderId="12" xfId="1" applyFont="1" applyBorder="1" applyAlignment="1">
      <alignment horizontal="left" vertical="center" wrapText="1"/>
    </xf>
    <xf numFmtId="0" fontId="2" fillId="0" borderId="0" xfId="1" applyFont="1" applyAlignment="1">
      <alignment horizontal="left" vertical="center" wrapText="1"/>
    </xf>
    <xf numFmtId="0" fontId="2" fillId="0" borderId="8" xfId="1" applyFont="1" applyBorder="1" applyAlignment="1">
      <alignment horizontal="left" vertical="center" wrapText="1"/>
    </xf>
    <xf numFmtId="0" fontId="7" fillId="0" borderId="12" xfId="1" applyFont="1" applyBorder="1" applyAlignment="1">
      <alignment horizontal="left" vertical="top" wrapText="1"/>
    </xf>
    <xf numFmtId="0" fontId="7" fillId="0" borderId="0" xfId="1" applyFont="1" applyAlignment="1">
      <alignment horizontal="left" vertical="top" wrapText="1"/>
    </xf>
    <xf numFmtId="0" fontId="7" fillId="0" borderId="8" xfId="1" applyFont="1" applyBorder="1" applyAlignment="1">
      <alignment horizontal="left" vertical="top" wrapText="1"/>
    </xf>
    <xf numFmtId="0" fontId="2" fillId="0" borderId="8" xfId="1" applyFont="1" applyBorder="1" applyAlignment="1">
      <alignment horizontal="center" vertical="center"/>
    </xf>
    <xf numFmtId="0" fontId="7" fillId="0" borderId="12" xfId="1" applyFont="1" applyBorder="1" applyAlignment="1">
      <alignment vertical="top" wrapText="1"/>
    </xf>
    <xf numFmtId="0" fontId="7" fillId="0" borderId="0" xfId="1" applyFont="1" applyAlignment="1">
      <alignment vertical="top" wrapText="1"/>
    </xf>
    <xf numFmtId="0" fontId="7" fillId="0" borderId="8" xfId="1" applyFont="1" applyBorder="1" applyAlignment="1">
      <alignment vertical="top" wrapText="1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left" vertical="center" wrapText="1"/>
    </xf>
    <xf numFmtId="0" fontId="2" fillId="0" borderId="11" xfId="1" applyFont="1" applyBorder="1" applyAlignment="1">
      <alignment horizontal="left" vertical="center" wrapText="1"/>
    </xf>
    <xf numFmtId="0" fontId="7" fillId="0" borderId="9" xfId="1" applyFont="1" applyBorder="1" applyAlignment="1">
      <alignment vertical="top" wrapText="1"/>
    </xf>
    <xf numFmtId="0" fontId="7" fillId="0" borderId="10" xfId="1" applyFont="1" applyBorder="1" applyAlignment="1">
      <alignment vertical="top" wrapText="1"/>
    </xf>
    <xf numFmtId="0" fontId="7" fillId="0" borderId="11" xfId="1" applyFont="1" applyBorder="1" applyAlignment="1">
      <alignment vertical="top" wrapText="1"/>
    </xf>
    <xf numFmtId="0" fontId="2" fillId="0" borderId="9" xfId="1" applyFont="1" applyBorder="1" applyAlignment="1">
      <alignment vertical="center"/>
    </xf>
    <xf numFmtId="0" fontId="2" fillId="0" borderId="11" xfId="1" applyFont="1" applyBorder="1" applyAlignment="1">
      <alignment vertical="center"/>
    </xf>
    <xf numFmtId="0" fontId="2" fillId="0" borderId="5" xfId="1" applyFont="1" applyBorder="1" applyAlignment="1">
      <alignment horizontal="center" vertical="center" textRotation="255"/>
    </xf>
    <xf numFmtId="0" fontId="2" fillId="0" borderId="7" xfId="1" applyFont="1" applyBorder="1" applyAlignment="1">
      <alignment horizontal="center" vertical="center" textRotation="255"/>
    </xf>
    <xf numFmtId="0" fontId="5" fillId="0" borderId="5" xfId="1" applyFont="1" applyBorder="1" applyAlignment="1">
      <alignment horizontal="center" vertical="center" wrapText="1"/>
    </xf>
    <xf numFmtId="0" fontId="5" fillId="0" borderId="6" xfId="1" applyFont="1" applyBorder="1" applyAlignment="1">
      <alignment horizontal="center" vertical="center" wrapText="1"/>
    </xf>
    <xf numFmtId="0" fontId="5" fillId="0" borderId="7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vertical="center"/>
    </xf>
    <xf numFmtId="0" fontId="2" fillId="0" borderId="12" xfId="1" applyFont="1" applyBorder="1" applyAlignment="1">
      <alignment horizontal="center" vertical="center" textRotation="255"/>
    </xf>
    <xf numFmtId="0" fontId="2" fillId="0" borderId="8" xfId="1" applyFont="1" applyBorder="1" applyAlignment="1">
      <alignment horizontal="center" vertical="center" textRotation="255"/>
    </xf>
    <xf numFmtId="0" fontId="5" fillId="0" borderId="12" xfId="1" applyFont="1" applyBorder="1" applyAlignment="1">
      <alignment horizontal="center" vertical="center" wrapText="1"/>
    </xf>
    <xf numFmtId="0" fontId="5" fillId="0" borderId="0" xfId="1" applyFont="1" applyAlignment="1">
      <alignment horizontal="center" vertical="center" wrapText="1"/>
    </xf>
    <xf numFmtId="0" fontId="5" fillId="0" borderId="8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left" vertical="center"/>
    </xf>
    <xf numFmtId="0" fontId="8" fillId="0" borderId="0" xfId="1" applyFont="1" applyAlignment="1">
      <alignment horizontal="center" vertical="center"/>
    </xf>
    <xf numFmtId="0" fontId="6" fillId="0" borderId="8" xfId="1" applyFont="1" applyBorder="1" applyAlignment="1">
      <alignment vertical="center" shrinkToFit="1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vertical="center" wrapText="1"/>
    </xf>
    <xf numFmtId="0" fontId="5" fillId="0" borderId="3" xfId="1" applyFont="1" applyBorder="1" applyAlignment="1">
      <alignment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4" xfId="1" applyFont="1" applyBorder="1" applyAlignment="1">
      <alignment horizontal="left" vertical="center"/>
    </xf>
    <xf numFmtId="0" fontId="2" fillId="0" borderId="13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2" fillId="0" borderId="11" xfId="1" applyFont="1" applyBorder="1" applyAlignment="1">
      <alignment horizontal="left" vertical="center"/>
    </xf>
    <xf numFmtId="176" fontId="2" fillId="0" borderId="0" xfId="1" applyNumberFormat="1" applyFont="1" applyAlignment="1">
      <alignment vertical="center"/>
    </xf>
    <xf numFmtId="0" fontId="2" fillId="0" borderId="9" xfId="1" applyFont="1" applyBorder="1" applyAlignment="1">
      <alignment horizontal="left" vertical="center"/>
    </xf>
    <xf numFmtId="176" fontId="2" fillId="0" borderId="10" xfId="1" applyNumberFormat="1" applyFont="1" applyBorder="1" applyAlignment="1">
      <alignment vertical="center"/>
    </xf>
    <xf numFmtId="176" fontId="2" fillId="0" borderId="10" xfId="1" applyNumberFormat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5" fillId="0" borderId="9" xfId="1" applyFont="1" applyBorder="1" applyAlignment="1">
      <alignment horizontal="center" vertical="center" wrapText="1"/>
    </xf>
    <xf numFmtId="0" fontId="5" fillId="0" borderId="10" xfId="1" applyFont="1" applyBorder="1" applyAlignment="1">
      <alignment horizontal="center" vertical="center" wrapText="1"/>
    </xf>
    <xf numFmtId="0" fontId="5" fillId="0" borderId="11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textRotation="255"/>
    </xf>
    <xf numFmtId="0" fontId="2" fillId="0" borderId="11" xfId="1" applyFont="1" applyBorder="1" applyAlignment="1">
      <alignment horizontal="center" vertical="center" textRotation="255"/>
    </xf>
    <xf numFmtId="0" fontId="2" fillId="0" borderId="4" xfId="1" applyFont="1" applyBorder="1" applyAlignment="1">
      <alignment horizontal="center" vertical="center" textRotation="255"/>
    </xf>
    <xf numFmtId="0" fontId="2" fillId="0" borderId="0" xfId="1" applyFont="1" applyAlignment="1">
      <alignment horizontal="center" vertical="center" wrapText="1"/>
    </xf>
    <xf numFmtId="176" fontId="2" fillId="0" borderId="0" xfId="1" applyNumberFormat="1" applyFont="1" applyAlignment="1">
      <alignment horizontal="center" vertical="center"/>
    </xf>
    <xf numFmtId="0" fontId="5" fillId="0" borderId="3" xfId="1" applyFont="1" applyBorder="1" applyAlignment="1">
      <alignment vertical="center" wrapText="1"/>
    </xf>
    <xf numFmtId="0" fontId="5" fillId="0" borderId="4" xfId="1" applyFont="1" applyBorder="1" applyAlignment="1">
      <alignment vertical="center" wrapText="1"/>
    </xf>
    <xf numFmtId="0" fontId="9" fillId="0" borderId="0" xfId="1" applyFont="1" applyAlignment="1">
      <alignment horizontal="center" vertical="top" wrapText="1"/>
    </xf>
    <xf numFmtId="0" fontId="9" fillId="0" borderId="0" xfId="1" applyFont="1" applyAlignment="1">
      <alignment horizontal="center" vertical="top"/>
    </xf>
    <xf numFmtId="0" fontId="9" fillId="0" borderId="0" xfId="1" applyFont="1" applyAlignment="1">
      <alignment vertical="top"/>
    </xf>
    <xf numFmtId="0" fontId="9" fillId="0" borderId="0" xfId="1" applyFont="1" applyAlignment="1">
      <alignment horizontal="left" vertical="top" wrapText="1"/>
    </xf>
    <xf numFmtId="0" fontId="2" fillId="0" borderId="10" xfId="1" applyFont="1" applyBorder="1"/>
    <xf numFmtId="0" fontId="2" fillId="0" borderId="6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3D7C9B07-8584-44F8-8058-6F6A3F570A4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0123109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１－１"/>
      <sheetName val="備考（1）"/>
      <sheetName val="別紙１－２"/>
      <sheetName val="備考（1－2）"/>
      <sheetName val="別紙１－３"/>
      <sheetName val="備考（1－3）"/>
      <sheetName val="別紙１－4"/>
      <sheetName val="別紙２"/>
      <sheetName val="別紙３"/>
      <sheetName val="別紙3－2"/>
      <sheetName val="別紙４"/>
      <sheetName val="別紙５"/>
      <sheetName val="別紙5－2"/>
      <sheetName val="別紙６"/>
      <sheetName val="別紙７"/>
      <sheetName val="別紙７－２"/>
      <sheetName val="別紙７－３"/>
      <sheetName val="別紙８"/>
      <sheetName val="別紙９"/>
      <sheetName val="別紙9－2"/>
      <sheetName val="別紙9－3"/>
      <sheetName val="別紙10"/>
      <sheetName val="別紙11"/>
      <sheetName val="別紙12"/>
      <sheetName val="別紙12－2"/>
      <sheetName val="別紙13"/>
      <sheetName val="別紙14"/>
      <sheetName val="別紙14－2"/>
      <sheetName val="別紙14－3"/>
      <sheetName val="別紙14－4"/>
      <sheetName val="別紙14－5"/>
      <sheetName val="別紙14－6"/>
      <sheetName val="別紙14－7"/>
      <sheetName val="別紙15"/>
      <sheetName val="別紙16"/>
      <sheetName val="別紙17"/>
      <sheetName val="別紙18"/>
      <sheetName val="別紙19"/>
      <sheetName val="別紙20"/>
      <sheetName val="別紙21"/>
      <sheetName val="別紙22"/>
      <sheetName val="別紙22－2"/>
      <sheetName val="別紙23"/>
      <sheetName val="別紙23－2"/>
      <sheetName val="別紙24"/>
      <sheetName val="別紙25"/>
      <sheetName val="別紙25－2"/>
      <sheetName val="別紙26"/>
      <sheetName val="別紙27"/>
      <sheetName val="別紙28"/>
      <sheetName val="別紙29"/>
      <sheetName val="別紙29－2"/>
      <sheetName val="別紙29－3"/>
      <sheetName val="別紙29－4"/>
      <sheetName val="別紙30"/>
      <sheetName val="別紙30－2"/>
      <sheetName val="別紙31"/>
      <sheetName val="別紙32"/>
      <sheetName val="別紙32－2"/>
      <sheetName val="別紙33"/>
      <sheetName val="別紙34"/>
      <sheetName val="別紙34－2"/>
      <sheetName val="別紙35"/>
      <sheetName val="別紙36"/>
      <sheetName val="別紙36-2"/>
      <sheetName val="別紙37"/>
      <sheetName val="別紙37－2"/>
      <sheetName val="別紙38"/>
      <sheetName val="別紙39"/>
      <sheetName val="別紙40"/>
      <sheetName val="別紙41"/>
      <sheetName val="別紙42"/>
      <sheetName val="別紙43"/>
      <sheetName val="別紙44"/>
      <sheetName val="別紙45"/>
      <sheetName val="別紙46"/>
      <sheetName val="別紙47"/>
      <sheetName val="別紙48"/>
      <sheetName val="別紙48－2"/>
      <sheetName val="別紙49"/>
      <sheetName val="別紙50"/>
      <sheetName val="別紙51 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640EA3-4C06-4507-BCB7-AE7DC3934232}">
  <dimension ref="B1:AD123"/>
  <sheetViews>
    <sheetView tabSelected="1" zoomScaleNormal="100" zoomScaleSheetLayoutView="85" workbookViewId="0">
      <selection activeCell="F61" sqref="F61"/>
    </sheetView>
  </sheetViews>
  <sheetFormatPr defaultColWidth="3.5" defaultRowHeight="13.5" x14ac:dyDescent="0.15"/>
  <cols>
    <col min="1" max="1" width="1.25" style="15" customWidth="1"/>
    <col min="2" max="2" width="3.125" style="115" customWidth="1"/>
    <col min="3" max="5" width="3.125" style="15" customWidth="1"/>
    <col min="6" max="6" width="3.375" style="15" customWidth="1"/>
    <col min="7" max="25" width="3.125" style="15" customWidth="1"/>
    <col min="26" max="30" width="3.25" style="15" customWidth="1"/>
    <col min="31" max="31" width="1.25" style="15" customWidth="1"/>
    <col min="32" max="16384" width="3.5" style="15"/>
  </cols>
  <sheetData>
    <row r="1" spans="2:30" s="1" customFormat="1" ht="6.75" customHeight="1" x14ac:dyDescent="0.4"/>
    <row r="2" spans="2:30" s="1" customFormat="1" x14ac:dyDescent="0.4">
      <c r="B2" s="1" t="s">
        <v>0</v>
      </c>
    </row>
    <row r="3" spans="2:30" s="1" customFormat="1" x14ac:dyDescent="0.4">
      <c r="U3" s="2" t="s">
        <v>1</v>
      </c>
      <c r="V3" s="3"/>
      <c r="W3" s="3"/>
      <c r="X3" s="2" t="s">
        <v>2</v>
      </c>
      <c r="Y3" s="3"/>
      <c r="Z3" s="3"/>
      <c r="AA3" s="2" t="s">
        <v>3</v>
      </c>
      <c r="AB3" s="3"/>
      <c r="AC3" s="3"/>
      <c r="AD3" s="2" t="s">
        <v>4</v>
      </c>
    </row>
    <row r="4" spans="2:30" s="1" customFormat="1" ht="5.25" customHeight="1" x14ac:dyDescent="0.4">
      <c r="AD4" s="2"/>
    </row>
    <row r="5" spans="2:30" s="1" customFormat="1" x14ac:dyDescent="0.4">
      <c r="B5" s="3" t="s">
        <v>5</v>
      </c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</row>
    <row r="6" spans="2:30" s="1" customFormat="1" x14ac:dyDescent="0.4">
      <c r="B6" s="3" t="s">
        <v>6</v>
      </c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</row>
    <row r="7" spans="2:30" s="1" customFormat="1" ht="6" customHeight="1" x14ac:dyDescent="0.4"/>
    <row r="8" spans="2:30" s="1" customFormat="1" ht="21.75" customHeight="1" x14ac:dyDescent="0.4">
      <c r="B8" s="4" t="s">
        <v>7</v>
      </c>
      <c r="C8" s="4"/>
      <c r="D8" s="4"/>
      <c r="E8" s="4"/>
      <c r="F8" s="5"/>
      <c r="G8" s="6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8"/>
    </row>
    <row r="9" spans="2:30" ht="21.75" customHeight="1" x14ac:dyDescent="0.15">
      <c r="B9" s="5" t="s">
        <v>8</v>
      </c>
      <c r="C9" s="9"/>
      <c r="D9" s="9"/>
      <c r="E9" s="9"/>
      <c r="F9" s="9"/>
      <c r="G9" s="10" t="s">
        <v>9</v>
      </c>
      <c r="H9" s="11" t="s">
        <v>10</v>
      </c>
      <c r="I9" s="11"/>
      <c r="J9" s="11"/>
      <c r="K9" s="11"/>
      <c r="L9" s="12" t="s">
        <v>9</v>
      </c>
      <c r="M9" s="11" t="s">
        <v>11</v>
      </c>
      <c r="N9" s="11"/>
      <c r="O9" s="11"/>
      <c r="P9" s="11"/>
      <c r="Q9" s="12" t="s">
        <v>9</v>
      </c>
      <c r="R9" s="11" t="s">
        <v>12</v>
      </c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4"/>
    </row>
    <row r="10" spans="2:30" ht="21.75" customHeight="1" x14ac:dyDescent="0.15">
      <c r="B10" s="16" t="s">
        <v>13</v>
      </c>
      <c r="C10" s="17"/>
      <c r="D10" s="17"/>
      <c r="E10" s="17"/>
      <c r="F10" s="18"/>
      <c r="G10" s="19" t="s">
        <v>9</v>
      </c>
      <c r="H10" s="1" t="s">
        <v>14</v>
      </c>
      <c r="I10" s="20"/>
      <c r="J10" s="20"/>
      <c r="K10" s="20"/>
      <c r="L10" s="20"/>
      <c r="M10" s="20"/>
      <c r="N10" s="20"/>
      <c r="O10" s="20"/>
      <c r="P10" s="20"/>
      <c r="Q10" s="20"/>
      <c r="R10" s="19" t="s">
        <v>9</v>
      </c>
      <c r="S10" s="1" t="s">
        <v>15</v>
      </c>
      <c r="T10" s="21"/>
      <c r="U10" s="21"/>
      <c r="V10" s="21"/>
      <c r="W10" s="21"/>
      <c r="X10" s="21"/>
      <c r="Y10" s="21"/>
      <c r="Z10" s="21"/>
      <c r="AA10" s="21"/>
      <c r="AB10" s="21"/>
      <c r="AC10" s="21"/>
      <c r="AD10" s="22"/>
    </row>
    <row r="11" spans="2:30" ht="21.75" customHeight="1" x14ac:dyDescent="0.15">
      <c r="B11" s="23"/>
      <c r="C11" s="24"/>
      <c r="D11" s="24"/>
      <c r="E11" s="24"/>
      <c r="F11" s="25"/>
      <c r="G11" s="19" t="s">
        <v>9</v>
      </c>
      <c r="H11" s="26" t="s">
        <v>16</v>
      </c>
      <c r="I11" s="27"/>
      <c r="J11" s="27"/>
      <c r="K11" s="27"/>
      <c r="L11" s="27"/>
      <c r="M11" s="27"/>
      <c r="N11" s="27"/>
      <c r="O11" s="27"/>
      <c r="P11" s="27"/>
      <c r="Q11" s="27"/>
      <c r="R11" s="27"/>
      <c r="S11" s="28"/>
      <c r="T11" s="28"/>
      <c r="U11" s="28"/>
      <c r="V11" s="28"/>
      <c r="W11" s="28"/>
      <c r="X11" s="28"/>
      <c r="Y11" s="28"/>
      <c r="Z11" s="28"/>
      <c r="AA11" s="28"/>
      <c r="AB11" s="28"/>
      <c r="AC11" s="28"/>
      <c r="AD11" s="29"/>
    </row>
    <row r="12" spans="2:30" x14ac:dyDescent="0.15">
      <c r="B12" s="16" t="s">
        <v>17</v>
      </c>
      <c r="C12" s="17"/>
      <c r="D12" s="17"/>
      <c r="E12" s="17"/>
      <c r="F12" s="18"/>
      <c r="G12" s="30" t="s">
        <v>18</v>
      </c>
      <c r="H12" s="31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  <c r="AD12" s="32"/>
    </row>
    <row r="13" spans="2:30" ht="31.5" customHeight="1" x14ac:dyDescent="0.15">
      <c r="B13" s="33"/>
      <c r="C13" s="34"/>
      <c r="D13" s="34"/>
      <c r="E13" s="34"/>
      <c r="F13" s="35"/>
      <c r="G13" s="36" t="s">
        <v>9</v>
      </c>
      <c r="H13" s="1" t="s">
        <v>19</v>
      </c>
      <c r="I13" s="20"/>
      <c r="J13" s="20"/>
      <c r="K13" s="20"/>
      <c r="L13" s="20"/>
      <c r="M13" s="20"/>
      <c r="N13" s="20"/>
      <c r="O13" s="20"/>
      <c r="P13" s="20"/>
      <c r="Q13" s="20"/>
      <c r="R13" s="19" t="s">
        <v>9</v>
      </c>
      <c r="S13" s="1" t="s">
        <v>20</v>
      </c>
      <c r="T13" s="21"/>
      <c r="U13" s="21"/>
      <c r="V13" s="21"/>
      <c r="W13" s="21"/>
      <c r="X13" s="21"/>
      <c r="Y13" s="21"/>
      <c r="Z13" s="21"/>
      <c r="AA13" s="21"/>
      <c r="AB13" s="21"/>
      <c r="AC13" s="21"/>
      <c r="AD13" s="22"/>
    </row>
    <row r="14" spans="2:30" x14ac:dyDescent="0.15">
      <c r="B14" s="33"/>
      <c r="C14" s="34"/>
      <c r="D14" s="34"/>
      <c r="E14" s="34"/>
      <c r="F14" s="35"/>
      <c r="G14" s="37" t="s">
        <v>21</v>
      </c>
      <c r="H14" s="1"/>
      <c r="I14" s="20"/>
      <c r="J14" s="20"/>
      <c r="K14" s="20"/>
      <c r="L14" s="20"/>
      <c r="M14" s="20"/>
      <c r="N14" s="20"/>
      <c r="O14" s="20"/>
      <c r="P14" s="20"/>
      <c r="Q14" s="20"/>
      <c r="R14" s="20"/>
      <c r="S14" s="1"/>
      <c r="T14" s="21"/>
      <c r="U14" s="21"/>
      <c r="V14" s="21"/>
      <c r="W14" s="21"/>
      <c r="X14" s="21"/>
      <c r="Y14" s="21"/>
      <c r="Z14" s="21"/>
      <c r="AA14" s="21"/>
      <c r="AB14" s="21"/>
      <c r="AC14" s="21"/>
      <c r="AD14" s="22"/>
    </row>
    <row r="15" spans="2:30" ht="31.5" customHeight="1" x14ac:dyDescent="0.15">
      <c r="B15" s="23"/>
      <c r="C15" s="24"/>
      <c r="D15" s="24"/>
      <c r="E15" s="24"/>
      <c r="F15" s="25"/>
      <c r="G15" s="38" t="s">
        <v>9</v>
      </c>
      <c r="H15" s="26" t="s">
        <v>22</v>
      </c>
      <c r="I15" s="27"/>
      <c r="J15" s="27"/>
      <c r="K15" s="27"/>
      <c r="L15" s="27"/>
      <c r="M15" s="27"/>
      <c r="N15" s="27"/>
      <c r="O15" s="27"/>
      <c r="P15" s="27"/>
      <c r="Q15" s="27"/>
      <c r="R15" s="39" t="s">
        <v>9</v>
      </c>
      <c r="S15" s="26" t="s">
        <v>23</v>
      </c>
      <c r="T15" s="28"/>
      <c r="U15" s="28"/>
      <c r="V15" s="28"/>
      <c r="W15" s="28"/>
      <c r="X15" s="28"/>
      <c r="Y15" s="28"/>
      <c r="Z15" s="28"/>
      <c r="AA15" s="28"/>
      <c r="AB15" s="28"/>
      <c r="AC15" s="28"/>
      <c r="AD15" s="29"/>
    </row>
    <row r="16" spans="2:30" s="1" customFormat="1" ht="7.5" customHeight="1" x14ac:dyDescent="0.4"/>
    <row r="17" spans="2:30" s="1" customFormat="1" x14ac:dyDescent="0.15">
      <c r="B17" s="40" t="s">
        <v>24</v>
      </c>
      <c r="C17" s="41"/>
      <c r="D17" s="41"/>
      <c r="E17" s="41"/>
      <c r="F17" s="42"/>
      <c r="G17" s="43"/>
      <c r="H17" s="44"/>
      <c r="I17" s="44"/>
      <c r="J17" s="44"/>
      <c r="K17" s="44"/>
      <c r="L17" s="44"/>
      <c r="M17" s="44"/>
      <c r="N17" s="44"/>
      <c r="O17" s="44"/>
      <c r="P17" s="44"/>
      <c r="Q17" s="44"/>
      <c r="R17" s="44"/>
      <c r="S17" s="44"/>
      <c r="T17" s="44"/>
      <c r="U17" s="44"/>
      <c r="V17" s="44"/>
      <c r="W17" s="44"/>
      <c r="X17" s="44"/>
      <c r="Y17" s="45"/>
      <c r="Z17" s="46"/>
      <c r="AA17" s="47" t="s">
        <v>25</v>
      </c>
      <c r="AB17" s="47" t="s">
        <v>26</v>
      </c>
      <c r="AC17" s="47" t="s">
        <v>27</v>
      </c>
      <c r="AD17" s="48"/>
    </row>
    <row r="18" spans="2:30" s="1" customFormat="1" ht="27" customHeight="1" x14ac:dyDescent="0.4">
      <c r="B18" s="49"/>
      <c r="C18" s="50"/>
      <c r="D18" s="50"/>
      <c r="E18" s="50"/>
      <c r="F18" s="51"/>
      <c r="G18" s="52" t="s">
        <v>28</v>
      </c>
      <c r="H18" s="53"/>
      <c r="I18" s="53"/>
      <c r="J18" s="53"/>
      <c r="K18" s="53"/>
      <c r="L18" s="53"/>
      <c r="M18" s="53"/>
      <c r="N18" s="53"/>
      <c r="O18" s="53"/>
      <c r="P18" s="53"/>
      <c r="Q18" s="53"/>
      <c r="R18" s="53"/>
      <c r="S18" s="53"/>
      <c r="T18" s="53"/>
      <c r="U18" s="53"/>
      <c r="V18" s="53"/>
      <c r="W18" s="53"/>
      <c r="X18" s="53"/>
      <c r="Y18" s="54"/>
      <c r="Z18" s="36"/>
      <c r="AA18" s="19" t="s">
        <v>9</v>
      </c>
      <c r="AB18" s="19" t="s">
        <v>26</v>
      </c>
      <c r="AC18" s="19" t="s">
        <v>9</v>
      </c>
      <c r="AD18" s="55"/>
    </row>
    <row r="19" spans="2:30" s="1" customFormat="1" ht="27" customHeight="1" x14ac:dyDescent="0.4">
      <c r="B19" s="49"/>
      <c r="C19" s="50"/>
      <c r="D19" s="50"/>
      <c r="E19" s="50"/>
      <c r="F19" s="51"/>
      <c r="G19" s="56" t="s">
        <v>29</v>
      </c>
      <c r="H19" s="57"/>
      <c r="I19" s="57"/>
      <c r="J19" s="57"/>
      <c r="K19" s="57"/>
      <c r="L19" s="57"/>
      <c r="M19" s="57"/>
      <c r="N19" s="57"/>
      <c r="O19" s="57"/>
      <c r="P19" s="57"/>
      <c r="Q19" s="57"/>
      <c r="R19" s="57"/>
      <c r="S19" s="57"/>
      <c r="T19" s="57"/>
      <c r="U19" s="57"/>
      <c r="V19" s="57"/>
      <c r="W19" s="57"/>
      <c r="X19" s="57"/>
      <c r="Y19" s="58"/>
      <c r="Z19" s="37"/>
      <c r="AA19" s="19" t="s">
        <v>9</v>
      </c>
      <c r="AB19" s="19" t="s">
        <v>26</v>
      </c>
      <c r="AC19" s="19" t="s">
        <v>9</v>
      </c>
      <c r="AD19" s="59"/>
    </row>
    <row r="20" spans="2:30" s="1" customFormat="1" ht="27" customHeight="1" x14ac:dyDescent="0.4">
      <c r="B20" s="60"/>
      <c r="C20" s="61"/>
      <c r="D20" s="61"/>
      <c r="E20" s="61"/>
      <c r="F20" s="62"/>
      <c r="G20" s="63" t="s">
        <v>30</v>
      </c>
      <c r="H20" s="64"/>
      <c r="I20" s="64"/>
      <c r="J20" s="64"/>
      <c r="K20" s="64"/>
      <c r="L20" s="64"/>
      <c r="M20" s="64"/>
      <c r="N20" s="64"/>
      <c r="O20" s="64"/>
      <c r="P20" s="64"/>
      <c r="Q20" s="64"/>
      <c r="R20" s="64"/>
      <c r="S20" s="64"/>
      <c r="T20" s="64"/>
      <c r="U20" s="64"/>
      <c r="V20" s="64"/>
      <c r="W20" s="64"/>
      <c r="X20" s="64"/>
      <c r="Y20" s="65"/>
      <c r="Z20" s="66"/>
      <c r="AA20" s="39" t="s">
        <v>9</v>
      </c>
      <c r="AB20" s="39" t="s">
        <v>26</v>
      </c>
      <c r="AC20" s="39" t="s">
        <v>9</v>
      </c>
      <c r="AD20" s="67"/>
    </row>
    <row r="21" spans="2:30" s="1" customFormat="1" ht="6" customHeight="1" x14ac:dyDescent="0.4"/>
    <row r="22" spans="2:30" s="1" customFormat="1" x14ac:dyDescent="0.4">
      <c r="B22" s="1" t="s">
        <v>31</v>
      </c>
    </row>
    <row r="23" spans="2:30" s="1" customFormat="1" x14ac:dyDescent="0.4">
      <c r="B23" s="1" t="s">
        <v>32</v>
      </c>
      <c r="AC23" s="20"/>
      <c r="AD23" s="20"/>
    </row>
    <row r="24" spans="2:30" s="1" customFormat="1" ht="6" customHeight="1" x14ac:dyDescent="0.4"/>
    <row r="25" spans="2:30" s="1" customFormat="1" ht="4.5" customHeight="1" x14ac:dyDescent="0.4">
      <c r="B25" s="68" t="s">
        <v>33</v>
      </c>
      <c r="C25" s="69"/>
      <c r="D25" s="70" t="s">
        <v>34</v>
      </c>
      <c r="E25" s="71"/>
      <c r="F25" s="72"/>
      <c r="G25" s="73"/>
      <c r="H25" s="74"/>
      <c r="I25" s="74"/>
      <c r="J25" s="74"/>
      <c r="K25" s="74"/>
      <c r="L25" s="74"/>
      <c r="M25" s="74"/>
      <c r="N25" s="74"/>
      <c r="O25" s="74"/>
      <c r="P25" s="74"/>
      <c r="Q25" s="74"/>
      <c r="R25" s="74"/>
      <c r="S25" s="74"/>
      <c r="T25" s="74"/>
      <c r="U25" s="74"/>
      <c r="V25" s="74"/>
      <c r="W25" s="74"/>
      <c r="X25" s="74"/>
      <c r="Y25" s="74"/>
      <c r="Z25" s="73"/>
      <c r="AA25" s="74"/>
      <c r="AB25" s="74"/>
      <c r="AC25" s="75"/>
      <c r="AD25" s="48"/>
    </row>
    <row r="26" spans="2:30" s="1" customFormat="1" ht="15.75" customHeight="1" x14ac:dyDescent="0.4">
      <c r="B26" s="76"/>
      <c r="C26" s="77"/>
      <c r="D26" s="78"/>
      <c r="E26" s="79"/>
      <c r="F26" s="80"/>
      <c r="G26" s="81"/>
      <c r="H26" s="1" t="s">
        <v>35</v>
      </c>
      <c r="Z26" s="81"/>
      <c r="AA26" s="82" t="s">
        <v>25</v>
      </c>
      <c r="AB26" s="82" t="s">
        <v>26</v>
      </c>
      <c r="AC26" s="82" t="s">
        <v>27</v>
      </c>
      <c r="AD26" s="83"/>
    </row>
    <row r="27" spans="2:30" s="1" customFormat="1" ht="18" customHeight="1" x14ac:dyDescent="0.4">
      <c r="B27" s="76"/>
      <c r="C27" s="77"/>
      <c r="D27" s="78"/>
      <c r="E27" s="79"/>
      <c r="F27" s="80"/>
      <c r="G27" s="81"/>
      <c r="I27" s="84" t="s">
        <v>36</v>
      </c>
      <c r="J27" s="85" t="s">
        <v>37</v>
      </c>
      <c r="K27" s="86"/>
      <c r="L27" s="86"/>
      <c r="M27" s="86"/>
      <c r="N27" s="86"/>
      <c r="O27" s="86"/>
      <c r="P27" s="86"/>
      <c r="Q27" s="86"/>
      <c r="R27" s="86"/>
      <c r="S27" s="86"/>
      <c r="T27" s="86"/>
      <c r="U27" s="87"/>
      <c r="V27" s="88"/>
      <c r="W27" s="89" t="s">
        <v>38</v>
      </c>
      <c r="Z27" s="81"/>
      <c r="AC27" s="20"/>
      <c r="AD27" s="59"/>
    </row>
    <row r="28" spans="2:30" s="1" customFormat="1" ht="30" customHeight="1" x14ac:dyDescent="0.4">
      <c r="B28" s="76"/>
      <c r="C28" s="77"/>
      <c r="D28" s="78"/>
      <c r="E28" s="79"/>
      <c r="F28" s="80"/>
      <c r="G28" s="81"/>
      <c r="I28" s="90" t="s">
        <v>39</v>
      </c>
      <c r="J28" s="91" t="s">
        <v>40</v>
      </c>
      <c r="K28" s="92"/>
      <c r="L28" s="92"/>
      <c r="M28" s="92"/>
      <c r="N28" s="92"/>
      <c r="O28" s="92"/>
      <c r="P28" s="92"/>
      <c r="Q28" s="92"/>
      <c r="R28" s="92"/>
      <c r="S28" s="92"/>
      <c r="T28" s="92"/>
      <c r="U28" s="87"/>
      <c r="V28" s="88"/>
      <c r="W28" s="93" t="s">
        <v>38</v>
      </c>
      <c r="Y28" s="94"/>
      <c r="Z28" s="37"/>
      <c r="AA28" s="19" t="s">
        <v>9</v>
      </c>
      <c r="AB28" s="19" t="s">
        <v>26</v>
      </c>
      <c r="AC28" s="19" t="s">
        <v>9</v>
      </c>
      <c r="AD28" s="59"/>
    </row>
    <row r="29" spans="2:30" s="1" customFormat="1" ht="6" customHeight="1" x14ac:dyDescent="0.4">
      <c r="B29" s="76"/>
      <c r="C29" s="77"/>
      <c r="D29" s="78"/>
      <c r="E29" s="79"/>
      <c r="F29" s="80"/>
      <c r="G29" s="95"/>
      <c r="H29" s="26"/>
      <c r="I29" s="26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96"/>
      <c r="U29" s="97"/>
      <c r="V29" s="39"/>
      <c r="W29" s="26"/>
      <c r="X29" s="26"/>
      <c r="Y29" s="26"/>
      <c r="Z29" s="95"/>
      <c r="AA29" s="26"/>
      <c r="AB29" s="26"/>
      <c r="AC29" s="27"/>
      <c r="AD29" s="67"/>
    </row>
    <row r="30" spans="2:30" s="1" customFormat="1" ht="4.5" customHeight="1" x14ac:dyDescent="0.4">
      <c r="B30" s="76"/>
      <c r="C30" s="77"/>
      <c r="D30" s="70" t="s">
        <v>41</v>
      </c>
      <c r="E30" s="71"/>
      <c r="F30" s="72"/>
      <c r="G30" s="73"/>
      <c r="H30" s="74"/>
      <c r="I30" s="74"/>
      <c r="J30" s="74"/>
      <c r="K30" s="74"/>
      <c r="L30" s="74"/>
      <c r="M30" s="74"/>
      <c r="N30" s="74"/>
      <c r="O30" s="74"/>
      <c r="P30" s="74"/>
      <c r="Q30" s="74"/>
      <c r="R30" s="74"/>
      <c r="S30" s="74"/>
      <c r="T30" s="74"/>
      <c r="U30" s="98"/>
      <c r="V30" s="98"/>
      <c r="W30" s="74"/>
      <c r="X30" s="74"/>
      <c r="Y30" s="74"/>
      <c r="Z30" s="73"/>
      <c r="AA30" s="74"/>
      <c r="AB30" s="74"/>
      <c r="AC30" s="75"/>
      <c r="AD30" s="48"/>
    </row>
    <row r="31" spans="2:30" s="1" customFormat="1" ht="15.75" customHeight="1" x14ac:dyDescent="0.4">
      <c r="B31" s="76"/>
      <c r="C31" s="77"/>
      <c r="D31" s="78"/>
      <c r="E31" s="79"/>
      <c r="F31" s="80"/>
      <c r="G31" s="81"/>
      <c r="H31" s="1" t="s">
        <v>42</v>
      </c>
      <c r="U31" s="19"/>
      <c r="V31" s="19"/>
      <c r="Z31" s="81"/>
      <c r="AA31" s="82" t="s">
        <v>25</v>
      </c>
      <c r="AB31" s="82" t="s">
        <v>26</v>
      </c>
      <c r="AC31" s="82" t="s">
        <v>27</v>
      </c>
      <c r="AD31" s="83"/>
    </row>
    <row r="32" spans="2:30" s="1" customFormat="1" ht="30" customHeight="1" x14ac:dyDescent="0.4">
      <c r="B32" s="76"/>
      <c r="C32" s="77"/>
      <c r="D32" s="78"/>
      <c r="E32" s="79"/>
      <c r="F32" s="80"/>
      <c r="G32" s="81"/>
      <c r="I32" s="84" t="s">
        <v>36</v>
      </c>
      <c r="J32" s="85" t="s">
        <v>43</v>
      </c>
      <c r="K32" s="86"/>
      <c r="L32" s="86"/>
      <c r="M32" s="86"/>
      <c r="N32" s="86"/>
      <c r="O32" s="86"/>
      <c r="P32" s="86"/>
      <c r="Q32" s="86"/>
      <c r="R32" s="86"/>
      <c r="S32" s="86"/>
      <c r="T32" s="86"/>
      <c r="U32" s="87"/>
      <c r="V32" s="88"/>
      <c r="W32" s="89" t="s">
        <v>38</v>
      </c>
      <c r="Z32" s="81"/>
      <c r="AC32" s="20"/>
      <c r="AD32" s="59"/>
    </row>
    <row r="33" spans="2:30" s="1" customFormat="1" ht="18" customHeight="1" x14ac:dyDescent="0.4">
      <c r="B33" s="76"/>
      <c r="C33" s="77"/>
      <c r="D33" s="78"/>
      <c r="E33" s="79"/>
      <c r="F33" s="80"/>
      <c r="G33" s="81"/>
      <c r="I33" s="90" t="s">
        <v>39</v>
      </c>
      <c r="J33" s="91" t="s">
        <v>44</v>
      </c>
      <c r="K33" s="92"/>
      <c r="L33" s="92"/>
      <c r="M33" s="92"/>
      <c r="N33" s="92"/>
      <c r="O33" s="92"/>
      <c r="P33" s="92"/>
      <c r="Q33" s="92"/>
      <c r="R33" s="92"/>
      <c r="S33" s="92"/>
      <c r="T33" s="92"/>
      <c r="U33" s="87"/>
      <c r="V33" s="88"/>
      <c r="W33" s="93" t="s">
        <v>38</v>
      </c>
      <c r="Y33" s="94"/>
      <c r="Z33" s="37"/>
      <c r="AA33" s="19" t="s">
        <v>9</v>
      </c>
      <c r="AB33" s="19" t="s">
        <v>26</v>
      </c>
      <c r="AC33" s="19" t="s">
        <v>9</v>
      </c>
      <c r="AD33" s="59"/>
    </row>
    <row r="34" spans="2:30" s="1" customFormat="1" ht="6" customHeight="1" x14ac:dyDescent="0.4">
      <c r="B34" s="76"/>
      <c r="C34" s="77"/>
      <c r="D34" s="99"/>
      <c r="E34" s="100"/>
      <c r="F34" s="101"/>
      <c r="G34" s="95"/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96"/>
      <c r="U34" s="97"/>
      <c r="V34" s="39"/>
      <c r="W34" s="26"/>
      <c r="X34" s="26"/>
      <c r="Y34" s="26"/>
      <c r="Z34" s="95"/>
      <c r="AA34" s="26"/>
      <c r="AB34" s="26"/>
      <c r="AC34" s="27"/>
      <c r="AD34" s="67"/>
    </row>
    <row r="35" spans="2:30" s="1" customFormat="1" ht="4.5" customHeight="1" x14ac:dyDescent="0.4">
      <c r="B35" s="76"/>
      <c r="C35" s="77"/>
      <c r="D35" s="70" t="s">
        <v>45</v>
      </c>
      <c r="E35" s="71"/>
      <c r="F35" s="72"/>
      <c r="G35" s="73"/>
      <c r="H35" s="74"/>
      <c r="I35" s="74"/>
      <c r="J35" s="74"/>
      <c r="K35" s="74"/>
      <c r="L35" s="74"/>
      <c r="M35" s="74"/>
      <c r="N35" s="74"/>
      <c r="O35" s="74"/>
      <c r="P35" s="74"/>
      <c r="Q35" s="74"/>
      <c r="R35" s="74"/>
      <c r="S35" s="74"/>
      <c r="T35" s="74"/>
      <c r="U35" s="98"/>
      <c r="V35" s="98"/>
      <c r="W35" s="74"/>
      <c r="X35" s="74"/>
      <c r="Y35" s="74"/>
      <c r="Z35" s="73"/>
      <c r="AA35" s="74"/>
      <c r="AB35" s="74"/>
      <c r="AC35" s="75"/>
      <c r="AD35" s="48"/>
    </row>
    <row r="36" spans="2:30" s="1" customFormat="1" ht="15.75" customHeight="1" x14ac:dyDescent="0.4">
      <c r="B36" s="76"/>
      <c r="C36" s="77"/>
      <c r="D36" s="78"/>
      <c r="E36" s="79"/>
      <c r="F36" s="80"/>
      <c r="G36" s="81"/>
      <c r="H36" s="1" t="s">
        <v>35</v>
      </c>
      <c r="U36" s="19"/>
      <c r="V36" s="19"/>
      <c r="Z36" s="81"/>
      <c r="AA36" s="82" t="s">
        <v>25</v>
      </c>
      <c r="AB36" s="82" t="s">
        <v>26</v>
      </c>
      <c r="AC36" s="82" t="s">
        <v>27</v>
      </c>
      <c r="AD36" s="83"/>
    </row>
    <row r="37" spans="2:30" s="1" customFormat="1" ht="27" customHeight="1" x14ac:dyDescent="0.4">
      <c r="B37" s="76"/>
      <c r="C37" s="77"/>
      <c r="D37" s="78"/>
      <c r="E37" s="79"/>
      <c r="F37" s="80"/>
      <c r="G37" s="81"/>
      <c r="I37" s="84" t="s">
        <v>36</v>
      </c>
      <c r="J37" s="85" t="s">
        <v>46</v>
      </c>
      <c r="K37" s="86"/>
      <c r="L37" s="86"/>
      <c r="M37" s="86"/>
      <c r="N37" s="86"/>
      <c r="O37" s="86"/>
      <c r="P37" s="86"/>
      <c r="Q37" s="86"/>
      <c r="R37" s="86"/>
      <c r="S37" s="86"/>
      <c r="T37" s="86"/>
      <c r="U37" s="87"/>
      <c r="V37" s="88"/>
      <c r="W37" s="89" t="s">
        <v>38</v>
      </c>
      <c r="Z37" s="81"/>
      <c r="AC37" s="20"/>
      <c r="AD37" s="59"/>
    </row>
    <row r="38" spans="2:30" s="1" customFormat="1" ht="27" customHeight="1" x14ac:dyDescent="0.4">
      <c r="B38" s="102"/>
      <c r="C38" s="103"/>
      <c r="D38" s="99"/>
      <c r="E38" s="100"/>
      <c r="F38" s="100"/>
      <c r="G38" s="81"/>
      <c r="I38" s="84" t="s">
        <v>39</v>
      </c>
      <c r="J38" s="91" t="s">
        <v>40</v>
      </c>
      <c r="K38" s="92"/>
      <c r="L38" s="92"/>
      <c r="M38" s="92"/>
      <c r="N38" s="92"/>
      <c r="O38" s="92"/>
      <c r="P38" s="92"/>
      <c r="Q38" s="92"/>
      <c r="R38" s="92"/>
      <c r="S38" s="92"/>
      <c r="T38" s="92"/>
      <c r="U38" s="87"/>
      <c r="V38" s="88"/>
      <c r="W38" s="26" t="s">
        <v>38</v>
      </c>
      <c r="X38" s="81"/>
      <c r="Y38" s="94"/>
      <c r="Z38" s="37"/>
      <c r="AA38" s="19" t="s">
        <v>9</v>
      </c>
      <c r="AB38" s="19" t="s">
        <v>26</v>
      </c>
      <c r="AC38" s="19" t="s">
        <v>9</v>
      </c>
      <c r="AD38" s="59"/>
    </row>
    <row r="39" spans="2:30" s="1" customFormat="1" ht="6" customHeight="1" x14ac:dyDescent="0.4">
      <c r="B39" s="102"/>
      <c r="C39" s="104"/>
      <c r="D39" s="99"/>
      <c r="E39" s="100"/>
      <c r="F39" s="101"/>
      <c r="G39" s="95"/>
      <c r="H39" s="26"/>
      <c r="I39" s="26"/>
      <c r="J39" s="26"/>
      <c r="K39" s="26"/>
      <c r="L39" s="26"/>
      <c r="M39" s="26"/>
      <c r="N39" s="26"/>
      <c r="O39" s="26"/>
      <c r="P39" s="26"/>
      <c r="Q39" s="26"/>
      <c r="R39" s="26"/>
      <c r="S39" s="26"/>
      <c r="T39" s="96"/>
      <c r="U39" s="97"/>
      <c r="V39" s="39"/>
      <c r="W39" s="26"/>
      <c r="X39" s="26"/>
      <c r="Y39" s="26"/>
      <c r="Z39" s="95"/>
      <c r="AA39" s="26"/>
      <c r="AB39" s="26"/>
      <c r="AC39" s="27"/>
      <c r="AD39" s="67"/>
    </row>
    <row r="40" spans="2:30" s="1" customFormat="1" ht="9" customHeight="1" x14ac:dyDescent="0.4">
      <c r="B40" s="105"/>
      <c r="C40" s="105"/>
      <c r="D40" s="105"/>
      <c r="E40" s="105"/>
      <c r="F40" s="105"/>
      <c r="T40" s="94"/>
      <c r="U40" s="106"/>
      <c r="V40" s="19"/>
      <c r="AC40" s="20"/>
      <c r="AD40" s="20"/>
    </row>
    <row r="41" spans="2:30" s="1" customFormat="1" x14ac:dyDescent="0.4">
      <c r="B41" s="1" t="s">
        <v>47</v>
      </c>
      <c r="U41" s="19"/>
      <c r="V41" s="19"/>
      <c r="AC41" s="20"/>
      <c r="AD41" s="20"/>
    </row>
    <row r="42" spans="2:30" s="1" customFormat="1" ht="6" customHeight="1" x14ac:dyDescent="0.4">
      <c r="U42" s="19"/>
      <c r="V42" s="19"/>
    </row>
    <row r="43" spans="2:30" s="1" customFormat="1" ht="4.5" customHeight="1" x14ac:dyDescent="0.4">
      <c r="B43" s="68" t="s">
        <v>33</v>
      </c>
      <c r="C43" s="69"/>
      <c r="D43" s="70" t="s">
        <v>34</v>
      </c>
      <c r="E43" s="71"/>
      <c r="F43" s="72"/>
      <c r="G43" s="73"/>
      <c r="H43" s="74"/>
      <c r="I43" s="74"/>
      <c r="J43" s="74"/>
      <c r="K43" s="74"/>
      <c r="L43" s="74"/>
      <c r="M43" s="74"/>
      <c r="N43" s="74"/>
      <c r="O43" s="74"/>
      <c r="P43" s="74"/>
      <c r="Q43" s="74"/>
      <c r="R43" s="74"/>
      <c r="S43" s="74"/>
      <c r="T43" s="74"/>
      <c r="U43" s="98"/>
      <c r="V43" s="98"/>
      <c r="W43" s="74"/>
      <c r="X43" s="74"/>
      <c r="Y43" s="74"/>
      <c r="Z43" s="73"/>
      <c r="AA43" s="74"/>
      <c r="AB43" s="74"/>
      <c r="AC43" s="75"/>
      <c r="AD43" s="48"/>
    </row>
    <row r="44" spans="2:30" s="1" customFormat="1" ht="15.75" customHeight="1" x14ac:dyDescent="0.4">
      <c r="B44" s="76"/>
      <c r="C44" s="77"/>
      <c r="D44" s="78"/>
      <c r="E44" s="79"/>
      <c r="F44" s="80"/>
      <c r="G44" s="81"/>
      <c r="H44" s="1" t="s">
        <v>35</v>
      </c>
      <c r="U44" s="19"/>
      <c r="V44" s="19"/>
      <c r="Z44" s="81"/>
      <c r="AA44" s="82" t="s">
        <v>25</v>
      </c>
      <c r="AB44" s="82" t="s">
        <v>26</v>
      </c>
      <c r="AC44" s="82" t="s">
        <v>27</v>
      </c>
      <c r="AD44" s="83"/>
    </row>
    <row r="45" spans="2:30" s="1" customFormat="1" ht="18" customHeight="1" x14ac:dyDescent="0.4">
      <c r="B45" s="76"/>
      <c r="C45" s="77"/>
      <c r="D45" s="78"/>
      <c r="E45" s="79"/>
      <c r="F45" s="80"/>
      <c r="G45" s="81"/>
      <c r="I45" s="84" t="s">
        <v>36</v>
      </c>
      <c r="J45" s="85" t="s">
        <v>37</v>
      </c>
      <c r="K45" s="86"/>
      <c r="L45" s="86"/>
      <c r="M45" s="86"/>
      <c r="N45" s="86"/>
      <c r="O45" s="86"/>
      <c r="P45" s="86"/>
      <c r="Q45" s="86"/>
      <c r="R45" s="86"/>
      <c r="S45" s="86"/>
      <c r="T45" s="86"/>
      <c r="U45" s="87"/>
      <c r="V45" s="88"/>
      <c r="W45" s="89" t="s">
        <v>38</v>
      </c>
      <c r="Z45" s="81"/>
      <c r="AC45" s="20"/>
      <c r="AD45" s="59"/>
    </row>
    <row r="46" spans="2:30" s="1" customFormat="1" ht="30" customHeight="1" x14ac:dyDescent="0.4">
      <c r="B46" s="76"/>
      <c r="C46" s="77"/>
      <c r="D46" s="78"/>
      <c r="E46" s="79"/>
      <c r="F46" s="80"/>
      <c r="G46" s="81"/>
      <c r="I46" s="90" t="s">
        <v>39</v>
      </c>
      <c r="J46" s="91" t="s">
        <v>48</v>
      </c>
      <c r="K46" s="92"/>
      <c r="L46" s="92"/>
      <c r="M46" s="92"/>
      <c r="N46" s="92"/>
      <c r="O46" s="92"/>
      <c r="P46" s="92"/>
      <c r="Q46" s="92"/>
      <c r="R46" s="92"/>
      <c r="S46" s="92"/>
      <c r="T46" s="92"/>
      <c r="U46" s="87"/>
      <c r="V46" s="88"/>
      <c r="W46" s="93" t="s">
        <v>38</v>
      </c>
      <c r="Y46" s="94"/>
      <c r="Z46" s="37"/>
      <c r="AA46" s="19" t="s">
        <v>9</v>
      </c>
      <c r="AB46" s="19" t="s">
        <v>26</v>
      </c>
      <c r="AC46" s="19" t="s">
        <v>9</v>
      </c>
      <c r="AD46" s="59"/>
    </row>
    <row r="47" spans="2:30" s="1" customFormat="1" ht="6" customHeight="1" x14ac:dyDescent="0.4">
      <c r="B47" s="76"/>
      <c r="C47" s="77"/>
      <c r="D47" s="78"/>
      <c r="E47" s="79"/>
      <c r="F47" s="80"/>
      <c r="G47" s="95"/>
      <c r="H47" s="26"/>
      <c r="I47" s="26"/>
      <c r="J47" s="26"/>
      <c r="K47" s="26"/>
      <c r="L47" s="26"/>
      <c r="M47" s="26"/>
      <c r="N47" s="26"/>
      <c r="O47" s="26"/>
      <c r="P47" s="26"/>
      <c r="Q47" s="26"/>
      <c r="R47" s="26"/>
      <c r="S47" s="26"/>
      <c r="T47" s="96"/>
      <c r="U47" s="97"/>
      <c r="V47" s="39"/>
      <c r="W47" s="26"/>
      <c r="X47" s="26"/>
      <c r="Y47" s="26"/>
      <c r="Z47" s="95"/>
      <c r="AA47" s="26"/>
      <c r="AB47" s="26"/>
      <c r="AC47" s="27"/>
      <c r="AD47" s="67"/>
    </row>
    <row r="48" spans="2:30" s="1" customFormat="1" ht="4.5" customHeight="1" x14ac:dyDescent="0.4">
      <c r="B48" s="76"/>
      <c r="C48" s="77"/>
      <c r="D48" s="70" t="s">
        <v>41</v>
      </c>
      <c r="E48" s="71"/>
      <c r="F48" s="72"/>
      <c r="G48" s="81"/>
      <c r="T48" s="94"/>
      <c r="U48" s="106"/>
      <c r="V48" s="19"/>
      <c r="Z48" s="81"/>
      <c r="AC48" s="20"/>
      <c r="AD48" s="59"/>
    </row>
    <row r="49" spans="2:30" s="1" customFormat="1" ht="15.75" customHeight="1" x14ac:dyDescent="0.4">
      <c r="B49" s="76"/>
      <c r="C49" s="77"/>
      <c r="D49" s="78"/>
      <c r="E49" s="79"/>
      <c r="F49" s="80"/>
      <c r="G49" s="81"/>
      <c r="H49" s="1" t="s">
        <v>42</v>
      </c>
      <c r="U49" s="19"/>
      <c r="V49" s="19"/>
      <c r="Z49" s="81"/>
      <c r="AA49" s="82" t="s">
        <v>25</v>
      </c>
      <c r="AB49" s="82" t="s">
        <v>26</v>
      </c>
      <c r="AC49" s="82" t="s">
        <v>27</v>
      </c>
      <c r="AD49" s="83"/>
    </row>
    <row r="50" spans="2:30" s="1" customFormat="1" ht="27" customHeight="1" x14ac:dyDescent="0.4">
      <c r="B50" s="76"/>
      <c r="C50" s="77"/>
      <c r="D50" s="78"/>
      <c r="E50" s="79"/>
      <c r="F50" s="80"/>
      <c r="G50" s="81"/>
      <c r="I50" s="84" t="s">
        <v>36</v>
      </c>
      <c r="J50" s="85" t="s">
        <v>43</v>
      </c>
      <c r="K50" s="107"/>
      <c r="L50" s="107"/>
      <c r="M50" s="107"/>
      <c r="N50" s="107"/>
      <c r="O50" s="107"/>
      <c r="P50" s="107"/>
      <c r="Q50" s="107"/>
      <c r="R50" s="107"/>
      <c r="S50" s="107"/>
      <c r="T50" s="108"/>
      <c r="U50" s="87"/>
      <c r="V50" s="88"/>
      <c r="W50" s="89" t="s">
        <v>38</v>
      </c>
      <c r="Z50" s="81"/>
      <c r="AC50" s="20"/>
      <c r="AD50" s="59"/>
    </row>
    <row r="51" spans="2:30" s="1" customFormat="1" ht="18" customHeight="1" x14ac:dyDescent="0.4">
      <c r="B51" s="76"/>
      <c r="C51" s="77"/>
      <c r="D51" s="78"/>
      <c r="E51" s="79"/>
      <c r="F51" s="80"/>
      <c r="G51" s="81"/>
      <c r="I51" s="90" t="s">
        <v>39</v>
      </c>
      <c r="J51" s="91" t="s">
        <v>49</v>
      </c>
      <c r="K51" s="92"/>
      <c r="L51" s="92"/>
      <c r="M51" s="92"/>
      <c r="N51" s="92"/>
      <c r="O51" s="92"/>
      <c r="P51" s="92"/>
      <c r="Q51" s="92"/>
      <c r="R51" s="92"/>
      <c r="S51" s="92"/>
      <c r="T51" s="92"/>
      <c r="U51" s="87"/>
      <c r="V51" s="88"/>
      <c r="W51" s="93" t="s">
        <v>38</v>
      </c>
      <c r="Y51" s="94"/>
      <c r="Z51" s="37"/>
      <c r="AA51" s="19" t="s">
        <v>9</v>
      </c>
      <c r="AB51" s="19" t="s">
        <v>26</v>
      </c>
      <c r="AC51" s="19" t="s">
        <v>9</v>
      </c>
      <c r="AD51" s="59"/>
    </row>
    <row r="52" spans="2:30" s="1" customFormat="1" ht="6" customHeight="1" x14ac:dyDescent="0.4">
      <c r="B52" s="76"/>
      <c r="C52" s="77"/>
      <c r="D52" s="99"/>
      <c r="E52" s="100"/>
      <c r="F52" s="101"/>
      <c r="G52" s="81"/>
      <c r="T52" s="94"/>
      <c r="U52" s="106"/>
      <c r="V52" s="19"/>
      <c r="Z52" s="81"/>
      <c r="AC52" s="20"/>
      <c r="AD52" s="59"/>
    </row>
    <row r="53" spans="2:30" s="1" customFormat="1" ht="4.5" customHeight="1" x14ac:dyDescent="0.4">
      <c r="B53" s="76"/>
      <c r="C53" s="77"/>
      <c r="D53" s="70" t="s">
        <v>45</v>
      </c>
      <c r="E53" s="71"/>
      <c r="F53" s="72"/>
      <c r="G53" s="73"/>
      <c r="H53" s="74"/>
      <c r="I53" s="74"/>
      <c r="J53" s="74"/>
      <c r="K53" s="74"/>
      <c r="L53" s="74"/>
      <c r="M53" s="74"/>
      <c r="N53" s="74"/>
      <c r="O53" s="74"/>
      <c r="P53" s="74"/>
      <c r="Q53" s="74"/>
      <c r="R53" s="74"/>
      <c r="S53" s="74"/>
      <c r="T53" s="74"/>
      <c r="U53" s="98"/>
      <c r="V53" s="98"/>
      <c r="W53" s="74"/>
      <c r="X53" s="74"/>
      <c r="Y53" s="74"/>
      <c r="Z53" s="73"/>
      <c r="AA53" s="74"/>
      <c r="AB53" s="74"/>
      <c r="AC53" s="75"/>
      <c r="AD53" s="48"/>
    </row>
    <row r="54" spans="2:30" s="1" customFormat="1" ht="15.75" customHeight="1" x14ac:dyDescent="0.4">
      <c r="B54" s="76"/>
      <c r="C54" s="77"/>
      <c r="D54" s="78"/>
      <c r="E54" s="79"/>
      <c r="F54" s="80"/>
      <c r="G54" s="81"/>
      <c r="H54" s="1" t="s">
        <v>35</v>
      </c>
      <c r="U54" s="19"/>
      <c r="V54" s="19"/>
      <c r="Z54" s="81"/>
      <c r="AA54" s="82" t="s">
        <v>25</v>
      </c>
      <c r="AB54" s="82" t="s">
        <v>26</v>
      </c>
      <c r="AC54" s="82" t="s">
        <v>27</v>
      </c>
      <c r="AD54" s="83"/>
    </row>
    <row r="55" spans="2:30" s="1" customFormat="1" ht="30" customHeight="1" x14ac:dyDescent="0.4">
      <c r="B55" s="76"/>
      <c r="C55" s="77"/>
      <c r="D55" s="78"/>
      <c r="E55" s="79"/>
      <c r="F55" s="80"/>
      <c r="G55" s="81"/>
      <c r="I55" s="84" t="s">
        <v>36</v>
      </c>
      <c r="J55" s="85" t="s">
        <v>46</v>
      </c>
      <c r="K55" s="86"/>
      <c r="L55" s="86"/>
      <c r="M55" s="86"/>
      <c r="N55" s="86"/>
      <c r="O55" s="86"/>
      <c r="P55" s="86"/>
      <c r="Q55" s="86"/>
      <c r="R55" s="86"/>
      <c r="S55" s="86"/>
      <c r="T55" s="86"/>
      <c r="U55" s="87"/>
      <c r="V55" s="88"/>
      <c r="W55" s="89" t="s">
        <v>38</v>
      </c>
      <c r="Z55" s="81"/>
      <c r="AC55" s="20"/>
      <c r="AD55" s="59"/>
    </row>
    <row r="56" spans="2:30" s="1" customFormat="1" ht="27" customHeight="1" x14ac:dyDescent="0.4">
      <c r="B56" s="76"/>
      <c r="C56" s="77"/>
      <c r="D56" s="78"/>
      <c r="E56" s="79"/>
      <c r="F56" s="80"/>
      <c r="G56" s="81"/>
      <c r="I56" s="90" t="s">
        <v>39</v>
      </c>
      <c r="J56" s="91" t="s">
        <v>48</v>
      </c>
      <c r="K56" s="92"/>
      <c r="L56" s="92"/>
      <c r="M56" s="92"/>
      <c r="N56" s="92"/>
      <c r="O56" s="92"/>
      <c r="P56" s="92"/>
      <c r="Q56" s="92"/>
      <c r="R56" s="92"/>
      <c r="S56" s="92"/>
      <c r="T56" s="92"/>
      <c r="U56" s="87"/>
      <c r="V56" s="88"/>
      <c r="W56" s="93" t="s">
        <v>38</v>
      </c>
      <c r="Y56" s="94"/>
      <c r="Z56" s="37"/>
      <c r="AA56" s="19" t="s">
        <v>9</v>
      </c>
      <c r="AB56" s="19" t="s">
        <v>26</v>
      </c>
      <c r="AC56" s="19" t="s">
        <v>9</v>
      </c>
      <c r="AD56" s="59"/>
    </row>
    <row r="57" spans="2:30" s="1" customFormat="1" ht="3.75" customHeight="1" x14ac:dyDescent="0.4">
      <c r="B57" s="102"/>
      <c r="C57" s="103"/>
      <c r="D57" s="99"/>
      <c r="E57" s="100"/>
      <c r="F57" s="101"/>
      <c r="G57" s="95"/>
      <c r="H57" s="26"/>
      <c r="I57" s="26"/>
      <c r="J57" s="26"/>
      <c r="K57" s="26"/>
      <c r="L57" s="26"/>
      <c r="M57" s="26"/>
      <c r="N57" s="26"/>
      <c r="O57" s="26"/>
      <c r="P57" s="26"/>
      <c r="Q57" s="26"/>
      <c r="R57" s="26"/>
      <c r="S57" s="26"/>
      <c r="T57" s="96"/>
      <c r="U57" s="96"/>
      <c r="V57" s="26"/>
      <c r="W57" s="26"/>
      <c r="X57" s="26"/>
      <c r="Y57" s="26"/>
      <c r="Z57" s="95"/>
      <c r="AA57" s="26"/>
      <c r="AB57" s="26"/>
      <c r="AC57" s="27"/>
      <c r="AD57" s="67"/>
    </row>
    <row r="58" spans="2:30" s="1" customFormat="1" ht="3.75" customHeight="1" x14ac:dyDescent="0.4">
      <c r="B58" s="105"/>
      <c r="C58" s="105"/>
      <c r="D58" s="105"/>
      <c r="E58" s="105"/>
      <c r="F58" s="105"/>
      <c r="T58" s="94"/>
      <c r="U58" s="94"/>
    </row>
    <row r="59" spans="2:30" s="1" customFormat="1" ht="13.5" customHeight="1" x14ac:dyDescent="0.4">
      <c r="B59" s="109" t="s">
        <v>50</v>
      </c>
      <c r="C59" s="110"/>
      <c r="D59" s="111" t="s">
        <v>51</v>
      </c>
      <c r="E59" s="111"/>
      <c r="F59" s="111"/>
      <c r="G59" s="111"/>
      <c r="H59" s="111"/>
      <c r="I59" s="111"/>
      <c r="J59" s="111"/>
      <c r="K59" s="111"/>
      <c r="L59" s="111"/>
      <c r="M59" s="111"/>
      <c r="N59" s="111"/>
      <c r="O59" s="111"/>
      <c r="P59" s="111"/>
      <c r="Q59" s="111"/>
      <c r="R59" s="111"/>
      <c r="S59" s="111"/>
      <c r="T59" s="111"/>
      <c r="U59" s="111"/>
      <c r="V59" s="111"/>
      <c r="W59" s="111"/>
      <c r="X59" s="111"/>
      <c r="Y59" s="111"/>
      <c r="Z59" s="111"/>
      <c r="AA59" s="111"/>
      <c r="AB59" s="111"/>
      <c r="AC59" s="111"/>
      <c r="AD59" s="111"/>
    </row>
    <row r="60" spans="2:30" s="1" customFormat="1" x14ac:dyDescent="0.4">
      <c r="B60" s="110"/>
      <c r="C60" s="110"/>
      <c r="D60" s="112"/>
      <c r="E60" s="112"/>
      <c r="F60" s="112"/>
      <c r="G60" s="112"/>
      <c r="H60" s="112"/>
      <c r="I60" s="112"/>
      <c r="J60" s="112"/>
      <c r="K60" s="112"/>
      <c r="L60" s="112"/>
      <c r="M60" s="112"/>
      <c r="N60" s="112"/>
      <c r="O60" s="112"/>
      <c r="P60" s="112"/>
      <c r="Q60" s="112"/>
      <c r="R60" s="112"/>
      <c r="S60" s="112"/>
      <c r="T60" s="112"/>
      <c r="U60" s="112"/>
      <c r="V60" s="112"/>
      <c r="W60" s="112"/>
      <c r="X60" s="112"/>
      <c r="Y60" s="112"/>
      <c r="Z60" s="112"/>
      <c r="AA60" s="112"/>
      <c r="AB60" s="112"/>
      <c r="AC60" s="112"/>
      <c r="AD60" s="112"/>
    </row>
    <row r="122" spans="3:7" x14ac:dyDescent="0.15">
      <c r="C122" s="113"/>
      <c r="D122" s="113"/>
      <c r="E122" s="113"/>
      <c r="F122" s="113"/>
      <c r="G122" s="113"/>
    </row>
    <row r="123" spans="3:7" x14ac:dyDescent="0.15">
      <c r="C123" s="114"/>
    </row>
  </sheetData>
  <mergeCells count="50">
    <mergeCell ref="B59:C59"/>
    <mergeCell ref="B60:C60"/>
    <mergeCell ref="D60:AD60"/>
    <mergeCell ref="U51:V51"/>
    <mergeCell ref="D53:F57"/>
    <mergeCell ref="J55:T55"/>
    <mergeCell ref="U55:V55"/>
    <mergeCell ref="J56:T56"/>
    <mergeCell ref="U56:V56"/>
    <mergeCell ref="B43:C57"/>
    <mergeCell ref="D43:F47"/>
    <mergeCell ref="J45:T45"/>
    <mergeCell ref="U45:V45"/>
    <mergeCell ref="J46:T46"/>
    <mergeCell ref="U46:V46"/>
    <mergeCell ref="D48:F52"/>
    <mergeCell ref="J50:T50"/>
    <mergeCell ref="U50:V50"/>
    <mergeCell ref="J51:T51"/>
    <mergeCell ref="U33:V33"/>
    <mergeCell ref="D35:F39"/>
    <mergeCell ref="J37:T37"/>
    <mergeCell ref="U37:V37"/>
    <mergeCell ref="J38:T38"/>
    <mergeCell ref="U38:V38"/>
    <mergeCell ref="B25:C39"/>
    <mergeCell ref="D25:F29"/>
    <mergeCell ref="J27:T27"/>
    <mergeCell ref="U27:V27"/>
    <mergeCell ref="J28:T28"/>
    <mergeCell ref="U28:V28"/>
    <mergeCell ref="D30:F34"/>
    <mergeCell ref="J32:T32"/>
    <mergeCell ref="U32:V32"/>
    <mergeCell ref="J33:T33"/>
    <mergeCell ref="B9:F9"/>
    <mergeCell ref="B10:F11"/>
    <mergeCell ref="B12:F15"/>
    <mergeCell ref="B17:F20"/>
    <mergeCell ref="G17:Y17"/>
    <mergeCell ref="G18:Y18"/>
    <mergeCell ref="G19:Y19"/>
    <mergeCell ref="G20:Y20"/>
    <mergeCell ref="V3:W3"/>
    <mergeCell ref="Y3:Z3"/>
    <mergeCell ref="AB3:AC3"/>
    <mergeCell ref="B5:AD5"/>
    <mergeCell ref="B6:AD6"/>
    <mergeCell ref="B8:F8"/>
    <mergeCell ref="G8:AD8"/>
  </mergeCells>
  <phoneticPr fontId="3"/>
  <dataValidations count="1">
    <dataValidation type="list" allowBlank="1" showInputMessage="1" showErrorMessage="1" sqref="G9:G11 L9 Q9 R10 G13 G15 R15 R13 AA18:AA20 AC18:AC20 AA28 AC28 AA33 AC33 AA38 AC38 AA46 AC46 AA51 AC51 AA56 AC56" xr:uid="{AECE80D5-A97A-4FEE-A80D-077FFEE1C9ED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173AEA-B0D9-4D6D-B973-2F882A31131E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4－2</vt:lpstr>
      <vt:lpstr>Sheet1</vt:lpstr>
      <vt:lpstr>'別紙14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9:49:51Z</dcterms:created>
  <dcterms:modified xsi:type="dcterms:W3CDTF">2024-03-22T09:50:23Z</dcterms:modified>
</cp:coreProperties>
</file>